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8" r:id="rId3"/>
    <p:sldId id="262" r:id="rId4"/>
    <p:sldId id="267" r:id="rId5"/>
    <p:sldId id="269" r:id="rId6"/>
    <p:sldId id="270" r:id="rId7"/>
    <p:sldId id="271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February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4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classroom.github.com/a/L12rNEva" TargetMode="Externa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/>
              <a:t>Classroom </a:t>
            </a:r>
            <a:r>
              <a:rPr lang="en-GB" sz="3600" dirty="0"/>
              <a:t>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ath basics: functions, equations, polynomials, logarithms (high school repetition before the coming weeks)</a:t>
            </a:r>
          </a:p>
          <a:p>
            <a:endParaRPr lang="en-GB" dirty="0"/>
          </a:p>
          <a:p>
            <a:r>
              <a:rPr lang="en-GB" dirty="0"/>
              <a:t>I can guide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Link to exercises: </a:t>
            </a:r>
            <a:r>
              <a:rPr lang="en-GB" dirty="0">
                <a:sym typeface="Wingdings" panose="05000000000000000000" pitchFamily="2" charset="2"/>
                <a:hlinkClick r:id="rId2"/>
              </a:rPr>
              <a:t>https://classroom.github.com/a/L12rNEva</a:t>
            </a:r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04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portant Properti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A8EE372-B63C-435A-1E85-A14B9D293B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11283" y="1556793"/>
            <a:ext cx="5835457" cy="473047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8783E8-F872-34A8-256E-6ADAB076CC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mportant</a:t>
            </a:r>
            <a:r>
              <a:rPr lang="da-DK" dirty="0"/>
              <a:t> Proper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8ED64C1-D20A-ECAC-ECEC-11475E9515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7F4698-75CB-896E-4117-57114ED12E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37781B-B082-4058-B2CB-C7AE31E52921}" type="datetime1">
              <a:rPr lang="en-GB" smtClean="0"/>
              <a:t>04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1EB5C45-527D-9311-BEDC-59E0E7C228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10112" y="1912597"/>
            <a:ext cx="7500724" cy="4032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6597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853211-E300-7E2F-999F-AE8AF10EBA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equaliti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196898D-33BD-A9A2-6544-08E79B788F8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" b="1" dirty="0"/>
              <a:t>You can add the same quantity to each side</a:t>
            </a:r>
          </a:p>
          <a:p>
            <a:endParaRPr lang="en" b="1" dirty="0"/>
          </a:p>
          <a:p>
            <a:r>
              <a:rPr lang="en" dirty="0"/>
              <a:t>You can subtract the same quantity from each side </a:t>
            </a:r>
          </a:p>
          <a:p>
            <a:endParaRPr lang="en" dirty="0"/>
          </a:p>
          <a:p>
            <a:r>
              <a:rPr lang="en" dirty="0"/>
              <a:t>You can multiply or divide each side by the same positive quantity If you multiply or divide each side by a negative quantity, the inequality symbol must be reversed.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644744-BFBE-CCCE-7889-8552F719FF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C9EB23-874B-49BE-988B-3BE50F0F370D}" type="datetime1">
              <a:rPr lang="en-GB" smtClean="0"/>
              <a:t>04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52126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751D59-CD81-C176-975D-AAF40EE539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tinuity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385ED39-0B57-D94F-F3C3-3801F63F73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157812" y="2054380"/>
            <a:ext cx="9876376" cy="374936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8D47E5-C30B-C42F-6631-888954E774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A10417-F3C6-4C97-912B-997C38BCFD61}" type="datetime1">
              <a:rPr lang="en-GB" smtClean="0"/>
              <a:t>04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6389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1343026-654E-2837-DC32-F54E431DE4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biNOMIAL</a:t>
            </a:r>
            <a:r>
              <a:rPr lang="da-DK" dirty="0"/>
              <a:t> </a:t>
            </a:r>
            <a:r>
              <a:rPr lang="da-DK" dirty="0" err="1"/>
              <a:t>sQUARE</a:t>
            </a:r>
            <a:endParaRPr lang="en-DK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1B9578C5-06BA-E398-9C42-1C59C2ED812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7856" y="3001751"/>
            <a:ext cx="4776288" cy="185462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CCAF2E2-B832-3074-1E8C-BC0A31EFF3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C3EEDF-7679-4E4D-B8AD-065BDFE4553B}" type="datetime1">
              <a:rPr lang="en-GB" smtClean="0"/>
              <a:t>04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881585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4</Words>
  <Application>Microsoft Office PowerPoint</Application>
  <PresentationFormat>Brugerdefineret</PresentationFormat>
  <Paragraphs>28</Paragraphs>
  <Slides>8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AU Peto</vt:lpstr>
      <vt:lpstr>Wingdings 3</vt:lpstr>
      <vt:lpstr>Calibri</vt:lpstr>
      <vt:lpstr>AU Passata Light</vt:lpstr>
      <vt:lpstr>Arial</vt:lpstr>
      <vt:lpstr>AU Passata</vt:lpstr>
      <vt:lpstr>Georgia</vt:lpstr>
      <vt:lpstr>AU 16:9</vt:lpstr>
      <vt:lpstr>Methods 2 Classroom 4</vt:lpstr>
      <vt:lpstr>TODAY  </vt:lpstr>
      <vt:lpstr>Important Properties</vt:lpstr>
      <vt:lpstr>Important Properties</vt:lpstr>
      <vt:lpstr>Inequalities</vt:lpstr>
      <vt:lpstr>Continuity</vt:lpstr>
      <vt:lpstr>biNOMIAL sQUARE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4T10:28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